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257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71" d="100"/>
          <a:sy n="71" d="100"/>
        </p:scale>
        <p:origin x="285" y="5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r>
            <a:rPr lang="he-IL" sz="1600" b="1" u="sng" dirty="0" smtClean="0"/>
            <a:t>שלב החקירה</a:t>
          </a:r>
        </a:p>
        <a:p>
          <a:r>
            <a:rPr lang="he-IL" sz="1400" dirty="0" smtClean="0"/>
            <a:t>הנחיות למדריכים</a:t>
          </a:r>
        </a:p>
        <a:p>
          <a:r>
            <a:rPr lang="he-IL" sz="1400" dirty="0" smtClean="0"/>
            <a:t>חומרי רקע</a:t>
          </a:r>
        </a:p>
        <a:p>
          <a:endParaRPr lang="en-US" sz="1400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r>
            <a:rPr lang="he-IL" sz="1600" b="1" u="sng" dirty="0" smtClean="0"/>
            <a:t>שלב תכנון מערכה</a:t>
          </a:r>
        </a:p>
        <a:p>
          <a:r>
            <a:rPr lang="he-IL" sz="1400" b="0" u="none" dirty="0" smtClean="0"/>
            <a:t>קבלת תרחיש בסיסי</a:t>
          </a:r>
        </a:p>
        <a:p>
          <a:r>
            <a:rPr lang="he-IL" sz="1400" b="0" u="none" dirty="0" smtClean="0"/>
            <a:t>הדרכה על "</a:t>
          </a:r>
          <a:r>
            <a:rPr lang="he-IL" sz="1400" b="0" u="none" dirty="0" err="1" smtClean="0"/>
            <a:t>קברנט</a:t>
          </a:r>
          <a:r>
            <a:rPr lang="he-IL" sz="1400" b="0" u="none" dirty="0" smtClean="0"/>
            <a:t>"</a:t>
          </a:r>
        </a:p>
        <a:p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הסימולציה</a:t>
          </a:r>
        </a:p>
        <a:p>
          <a:r>
            <a:rPr lang="he-IL" sz="1400" b="0" u="none" dirty="0" smtClean="0"/>
            <a:t>עדכון תרחיש</a:t>
          </a:r>
        </a:p>
        <a:p>
          <a:r>
            <a:rPr lang="he-IL" sz="1400" b="0" u="none" dirty="0" smtClean="0"/>
            <a:t>הזרמות</a:t>
          </a:r>
          <a:endParaRPr lang="en-US" sz="1400" b="0" u="none" dirty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1B7DF57D-3B1A-45D4-94C5-72C97B0B3401}">
      <dgm:prSet phldrT="[טקסט]" custT="1"/>
      <dgm:spPr/>
      <dgm:t>
        <a:bodyPr anchor="t"/>
        <a:lstStyle/>
        <a:p>
          <a:r>
            <a:rPr lang="he-IL" sz="1400" dirty="0" smtClean="0"/>
            <a:t>ביצוע תהליך חקירה מלא</a:t>
          </a:r>
        </a:p>
        <a:p>
          <a:r>
            <a:rPr lang="he-IL" sz="1400" dirty="0" smtClean="0"/>
            <a:t>הגשת תוצרים כתובים והצגתם – </a:t>
          </a:r>
        </a:p>
        <a:p>
          <a:r>
            <a:rPr lang="he-IL" sz="1400" dirty="0" smtClean="0"/>
            <a:t>- </a:t>
          </a:r>
          <a:r>
            <a:rPr lang="he-IL" sz="1400" b="1" dirty="0" smtClean="0"/>
            <a:t>תפיסה גלובלית</a:t>
          </a:r>
        </a:p>
        <a:p>
          <a:r>
            <a:rPr lang="he-IL" sz="1400" dirty="0" smtClean="0"/>
            <a:t>- </a:t>
          </a:r>
          <a:r>
            <a:rPr lang="he-IL" sz="1400" b="1" dirty="0" smtClean="0"/>
            <a:t>תפיסה </a:t>
          </a:r>
          <a:r>
            <a:rPr lang="he-IL" sz="1400" b="1" dirty="0" err="1" smtClean="0"/>
            <a:t>זירתית</a:t>
          </a:r>
          <a:r>
            <a:rPr lang="he-IL" sz="1400" b="1" dirty="0" smtClean="0"/>
            <a:t> ואסטרטגיה למימוש </a:t>
          </a:r>
          <a:endParaRPr lang="en-US" sz="1400" b="1" dirty="0"/>
        </a:p>
      </dgm:t>
    </dgm:pt>
    <dgm:pt modelId="{0658422F-2D0A-40D3-86C6-000A5EDCDD5F}" type="parTrans" cxnId="{A4C919B3-F63C-43FE-97DE-DAEB94A703EF}">
      <dgm:prSet/>
      <dgm:spPr/>
      <dgm:t>
        <a:bodyPr/>
        <a:lstStyle/>
        <a:p>
          <a:endParaRPr lang="en-US"/>
        </a:p>
      </dgm:t>
    </dgm:pt>
    <dgm:pt modelId="{FA3A0395-A1FF-4116-9B83-9C303A0B78C8}" type="sibTrans" cxnId="{A4C919B3-F63C-43FE-97DE-DAEB94A703EF}">
      <dgm:prSet/>
      <dgm:spPr/>
      <dgm:t>
        <a:bodyPr/>
        <a:lstStyle/>
        <a:p>
          <a:endParaRPr lang="en-US"/>
        </a:p>
      </dgm:t>
    </dgm:pt>
    <dgm:pt modelId="{13C4DFDC-35F4-4188-BFBA-7A84F05237E4}">
      <dgm:prSet phldrT="[טקסט]" custT="1"/>
      <dgm:spPr/>
      <dgm:t>
        <a:bodyPr anchor="t"/>
        <a:lstStyle/>
        <a:p>
          <a:r>
            <a:rPr lang="he-IL" sz="1400" b="1" dirty="0" err="1" smtClean="0"/>
            <a:t>תוכנית</a:t>
          </a:r>
          <a:r>
            <a:rPr lang="he-IL" sz="1400" b="1" dirty="0" smtClean="0"/>
            <a:t> מערכה רב-</a:t>
          </a:r>
          <a:r>
            <a:rPr lang="he-IL" sz="1400" b="1" dirty="0" err="1" smtClean="0"/>
            <a:t>מימדית</a:t>
          </a:r>
          <a:endParaRPr lang="he-IL" sz="1400" b="1" dirty="0" smtClean="0"/>
        </a:p>
        <a:p>
          <a:r>
            <a:rPr lang="he-IL" sz="1400" dirty="0" smtClean="0"/>
            <a:t>מדינית-צבאית בהתאם לאסטרטגיה ולתרחיש</a:t>
          </a:r>
          <a:endParaRPr lang="en-US" sz="1400" dirty="0"/>
        </a:p>
      </dgm:t>
    </dgm:pt>
    <dgm:pt modelId="{79FFE4F5-EF5E-49CB-B256-DB0F94B4814C}" type="parTrans" cxnId="{B23F161D-BFC7-43F8-BCD8-898D17C6143F}">
      <dgm:prSet/>
      <dgm:spPr/>
      <dgm:t>
        <a:bodyPr/>
        <a:lstStyle/>
        <a:p>
          <a:endParaRPr lang="en-US"/>
        </a:p>
      </dgm:t>
    </dgm:pt>
    <dgm:pt modelId="{2EF61CCE-A71A-4AF6-B679-1E9BE6901A09}" type="sibTrans" cxnId="{B23F161D-BFC7-43F8-BCD8-898D17C6143F}">
      <dgm:prSet/>
      <dgm:spPr/>
      <dgm:t>
        <a:bodyPr/>
        <a:lstStyle/>
        <a:p>
          <a:endParaRPr lang="en-US"/>
        </a:p>
      </dgm:t>
    </dgm:pt>
    <dgm:pt modelId="{F5C0F9D2-0AC0-490B-92DE-F105B6F79AF1}">
      <dgm:prSet phldrT="[טקסט]" custT="1"/>
      <dgm:spPr/>
      <dgm:t>
        <a:bodyPr anchor="t"/>
        <a:lstStyle/>
        <a:p>
          <a:r>
            <a:rPr lang="he-IL" sz="1400" b="1" dirty="0" smtClean="0"/>
            <a:t>מימוש </a:t>
          </a:r>
          <a:r>
            <a:rPr lang="he-IL" sz="1400" dirty="0" smtClean="0"/>
            <a:t>התוכנית המערכתית</a:t>
          </a:r>
        </a:p>
        <a:p>
          <a:r>
            <a:rPr lang="en-US" sz="1400" b="1" dirty="0" smtClean="0"/>
            <a:t>Reframing </a:t>
          </a:r>
        </a:p>
        <a:p>
          <a:r>
            <a:rPr lang="he-IL" sz="1400" b="1" dirty="0" smtClean="0"/>
            <a:t>מימוש</a:t>
          </a:r>
          <a:r>
            <a:rPr lang="he-IL" sz="1400" dirty="0" smtClean="0"/>
            <a:t> </a:t>
          </a:r>
          <a:r>
            <a:rPr lang="he-IL" sz="1400" dirty="0" err="1" smtClean="0"/>
            <a:t>תוכנית</a:t>
          </a:r>
          <a:r>
            <a:rPr lang="he-IL" sz="1400" dirty="0" smtClean="0"/>
            <a:t> מעודכנת</a:t>
          </a:r>
          <a:endParaRPr lang="en-US" sz="1400" dirty="0"/>
        </a:p>
      </dgm:t>
    </dgm:pt>
    <dgm:pt modelId="{B2178330-2AB7-46E3-BC08-0DDA3CC399EA}" type="parTrans" cxnId="{066E7D3B-AA3B-4E5F-A5A4-5B1DCFD21B4C}">
      <dgm:prSet/>
      <dgm:spPr/>
      <dgm:t>
        <a:bodyPr/>
        <a:lstStyle/>
        <a:p>
          <a:endParaRPr lang="en-US"/>
        </a:p>
      </dgm:t>
    </dgm:pt>
    <dgm:pt modelId="{46370F81-7B20-47ED-B4B4-4C326B824EB7}" type="sibTrans" cxnId="{066E7D3B-AA3B-4E5F-A5A4-5B1DCFD21B4C}">
      <dgm:prSet/>
      <dgm:spPr/>
      <dgm:t>
        <a:bodyPr/>
        <a:lstStyle/>
        <a:p>
          <a:endParaRPr lang="en-US"/>
        </a:p>
      </dgm:t>
    </dgm:pt>
    <dgm:pt modelId="{A06C102A-2B4B-4374-8A0F-24D0835C983C}">
      <dgm:prSet phldrT="[טקסט]" custT="1"/>
      <dgm:spPr/>
      <dgm:t>
        <a:bodyPr/>
        <a:lstStyle/>
        <a:p>
          <a:r>
            <a:rPr lang="he-IL" sz="2000" dirty="0" smtClean="0"/>
            <a:t>ביקור במשרד החוץ</a:t>
          </a:r>
          <a:endParaRPr lang="en-US" sz="2000" dirty="0"/>
        </a:p>
      </dgm:t>
    </dgm:pt>
    <dgm:pt modelId="{1B8D2447-9723-4405-A8C8-4A6717598B68}" type="parTrans" cxnId="{1E45A2AD-DF96-4FAE-B199-B73051084DB3}">
      <dgm:prSet/>
      <dgm:spPr/>
      <dgm:t>
        <a:bodyPr/>
        <a:lstStyle/>
        <a:p>
          <a:endParaRPr lang="en-US"/>
        </a:p>
      </dgm:t>
    </dgm:pt>
    <dgm:pt modelId="{FDF8ED05-3906-4B2C-9281-F026ABC2975F}" type="sibTrans" cxnId="{1E45A2AD-DF96-4FAE-B199-B73051084DB3}">
      <dgm:prSet/>
      <dgm:spPr/>
      <dgm:t>
        <a:bodyPr/>
        <a:lstStyle/>
        <a:p>
          <a:endParaRPr lang="en-US"/>
        </a:p>
      </dgm:t>
    </dgm:pt>
    <dgm:pt modelId="{6A28E40E-4D67-4675-9B79-131F7E70E150}">
      <dgm:prSet phldrT="[טקסט]" custT="1"/>
      <dgm:spPr/>
      <dgm:t>
        <a:bodyPr/>
        <a:lstStyle/>
        <a:p>
          <a:r>
            <a:rPr lang="he-IL" sz="2000" dirty="0" smtClean="0"/>
            <a:t>סדנת </a:t>
          </a:r>
          <a:r>
            <a:rPr lang="he-IL" sz="2000" dirty="0" err="1" smtClean="0"/>
            <a:t>מו"ם</a:t>
          </a:r>
          <a:r>
            <a:rPr lang="he-IL" sz="2000" dirty="0" smtClean="0"/>
            <a:t> 1-3/3</a:t>
          </a:r>
          <a:endParaRPr lang="en-US" sz="2000" dirty="0"/>
        </a:p>
      </dgm:t>
    </dgm:pt>
    <dgm:pt modelId="{C1FDD848-D826-46ED-943B-A479E988B006}" type="parTrans" cxnId="{7CA3B204-3981-4E89-8F4C-17504DAC6278}">
      <dgm:prSet/>
      <dgm:spPr/>
      <dgm:t>
        <a:bodyPr/>
        <a:lstStyle/>
        <a:p>
          <a:endParaRPr lang="en-US"/>
        </a:p>
      </dgm:t>
    </dgm:pt>
    <dgm:pt modelId="{3BA8C7AC-1D55-4DB3-AA1D-5E83692DFCB3}" type="sibTrans" cxnId="{7CA3B204-3981-4E89-8F4C-17504DAC6278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3" custScaleX="183096" custLinFactX="-79802" custLinFactNeighborX="-100000" custLinFactNeighborY="247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5" custScaleX="115851" custScaleY="122680" custLinFactX="-13770" custLinFactNeighborX="-100000" custLinFactNeighborY="207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5" custScaleX="98373" custScaleY="125032" custLinFactX="-19661" custLinFactNeighborX="-100000" custLinFactNeighborY="330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034AD49-F716-4FE8-8917-2D3E429752BA}" type="pres">
      <dgm:prSet presAssocID="{34FA45F9-0405-4AF6-9221-ED2D1E26F090}" presName="vSp" presStyleCnt="0"/>
      <dgm:spPr/>
    </dgm:pt>
    <dgm:pt modelId="{D5374D69-3FE1-4F0B-B23B-EB01471F33CF}" type="pres">
      <dgm:prSet presAssocID="{1B7DF57D-3B1A-45D4-94C5-72C97B0B3401}" presName="horFlow" presStyleCnt="0"/>
      <dgm:spPr/>
    </dgm:pt>
    <dgm:pt modelId="{F8F8236C-006A-48D3-AB45-4402F3104E79}" type="pres">
      <dgm:prSet presAssocID="{1B7DF57D-3B1A-45D4-94C5-72C97B0B3401}" presName="bigChev" presStyleLbl="node1" presStyleIdx="1" presStyleCnt="3" custScaleX="182164" custLinFactX="-16424" custLinFactNeighborX="-100000" custLinFactNeighborY="175"/>
      <dgm:spPr/>
      <dgm:t>
        <a:bodyPr/>
        <a:lstStyle/>
        <a:p>
          <a:endParaRPr lang="en-US"/>
        </a:p>
      </dgm:t>
    </dgm:pt>
    <dgm:pt modelId="{ECDD410D-4649-4344-B08B-2011A7F713F8}" type="pres">
      <dgm:prSet presAssocID="{79FFE4F5-EF5E-49CB-B256-DB0F94B4814C}" presName="parTrans" presStyleCnt="0"/>
      <dgm:spPr/>
    </dgm:pt>
    <dgm:pt modelId="{A925A3E2-7B6F-43F7-A07D-07CDD4059D8C}" type="pres">
      <dgm:prSet presAssocID="{13C4DFDC-35F4-4188-BFBA-7A84F05237E4}" presName="node" presStyleLbl="alignAccFollowNode1" presStyleIdx="2" presStyleCnt="5" custScaleX="108700" custScaleY="120886" custLinFactX="-13401" custLinFactNeighborX="-100000" custLinFactNeighborY="123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DB0E6CE-35BD-4D77-8B57-902CC15B1E4B}" type="pres">
      <dgm:prSet presAssocID="{2EF61CCE-A71A-4AF6-B679-1E9BE6901A09}" presName="sibTrans" presStyleCnt="0"/>
      <dgm:spPr/>
    </dgm:pt>
    <dgm:pt modelId="{04DFDAF7-1632-4537-8B63-486484B8EEAF}" type="pres">
      <dgm:prSet presAssocID="{F5C0F9D2-0AC0-490B-92DE-F105B6F79AF1}" presName="node" presStyleLbl="alignAccFollowNode1" presStyleIdx="3" presStyleCnt="5" custScaleX="105076" custScaleY="124889" custLinFactX="-17708" custLinFactNeighborX="-100000" custLinFactNeighborY="439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2CCCC45-1A95-49F3-A72C-21074B8E1ED9}" type="pres">
      <dgm:prSet presAssocID="{1B7DF57D-3B1A-45D4-94C5-72C97B0B3401}" presName="vSp" presStyleCnt="0"/>
      <dgm:spPr/>
    </dgm:pt>
    <dgm:pt modelId="{FE302490-2301-464F-8998-5BB3E53254C8}" type="pres">
      <dgm:prSet presAssocID="{A06C102A-2B4B-4374-8A0F-24D0835C983C}" presName="horFlow" presStyleCnt="0"/>
      <dgm:spPr/>
    </dgm:pt>
    <dgm:pt modelId="{6FE0960C-2B7C-434A-BA2A-A87C5C61618D}" type="pres">
      <dgm:prSet presAssocID="{A06C102A-2B4B-4374-8A0F-24D0835C983C}" presName="bigChev" presStyleLbl="node1" presStyleIdx="2" presStyleCnt="3" custScaleY="40743" custLinFactNeighborX="10393" custLinFactNeighborY="-10716"/>
      <dgm:spPr/>
    </dgm:pt>
    <dgm:pt modelId="{B18516A6-B93D-461E-9F0E-0B5388B06AA8}" type="pres">
      <dgm:prSet presAssocID="{C1FDD848-D826-46ED-943B-A479E988B006}" presName="parTrans" presStyleCnt="0"/>
      <dgm:spPr/>
    </dgm:pt>
    <dgm:pt modelId="{F8D80DD8-9557-4380-9A18-A652B7215C30}" type="pres">
      <dgm:prSet presAssocID="{6A28E40E-4D67-4675-9B79-131F7E70E150}" presName="node" presStyleLbl="alignAccFollowNode1" presStyleIdx="4" presStyleCnt="5" custScaleY="43874" custLinFactX="73393" custLinFactNeighborX="100000" custLinFactNeighborY="-13557">
        <dgm:presLayoutVars>
          <dgm:bulletEnabled val="1"/>
        </dgm:presLayoutVars>
      </dgm:prSet>
      <dgm:spPr/>
    </dgm:pt>
  </dgm:ptLst>
  <dgm:cxnLst>
    <dgm:cxn modelId="{FDAF7E49-2736-4110-8CBA-AFD2F032DBA6}" type="presOf" srcId="{F5C0F9D2-0AC0-490B-92DE-F105B6F79AF1}" destId="{04DFDAF7-1632-4537-8B63-486484B8EEAF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D5EF8245-6A20-4F66-98A1-55690451D728}" type="presOf" srcId="{13C4DFDC-35F4-4188-BFBA-7A84F05237E4}" destId="{A925A3E2-7B6F-43F7-A07D-07CDD4059D8C}" srcOrd="0" destOrd="0" presId="urn:microsoft.com/office/officeart/2005/8/layout/lProcess3"/>
    <dgm:cxn modelId="{A4C919B3-F63C-43FE-97DE-DAEB94A703EF}" srcId="{436FCC67-15C4-450E-AFD0-98AF650AE9CB}" destId="{1B7DF57D-3B1A-45D4-94C5-72C97B0B3401}" srcOrd="1" destOrd="0" parTransId="{0658422F-2D0A-40D3-86C6-000A5EDCDD5F}" sibTransId="{FA3A0395-A1FF-4116-9B83-9C303A0B78C8}"/>
    <dgm:cxn modelId="{1E45A2AD-DF96-4FAE-B199-B73051084DB3}" srcId="{436FCC67-15C4-450E-AFD0-98AF650AE9CB}" destId="{A06C102A-2B4B-4374-8A0F-24D0835C983C}" srcOrd="2" destOrd="0" parTransId="{1B8D2447-9723-4405-A8C8-4A6717598B68}" sibTransId="{FDF8ED05-3906-4B2C-9281-F026ABC2975F}"/>
    <dgm:cxn modelId="{B23F161D-BFC7-43F8-BCD8-898D17C6143F}" srcId="{1B7DF57D-3B1A-45D4-94C5-72C97B0B3401}" destId="{13C4DFDC-35F4-4188-BFBA-7A84F05237E4}" srcOrd="0" destOrd="0" parTransId="{79FFE4F5-EF5E-49CB-B256-DB0F94B4814C}" sibTransId="{2EF61CCE-A71A-4AF6-B679-1E9BE6901A09}"/>
    <dgm:cxn modelId="{D6057F48-B77E-4A43-B31C-43D96FAC2666}" type="presOf" srcId="{6A28E40E-4D67-4675-9B79-131F7E70E150}" destId="{F8D80DD8-9557-4380-9A18-A652B7215C30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5C8FF5FC-E8D4-4D6F-91CA-FF7081EC3F8E}" type="presOf" srcId="{A06C102A-2B4B-4374-8A0F-24D0835C983C}" destId="{6FE0960C-2B7C-434A-BA2A-A87C5C61618D}" srcOrd="0" destOrd="0" presId="urn:microsoft.com/office/officeart/2005/8/layout/lProcess3"/>
    <dgm:cxn modelId="{066E7D3B-AA3B-4E5F-A5A4-5B1DCFD21B4C}" srcId="{1B7DF57D-3B1A-45D4-94C5-72C97B0B3401}" destId="{F5C0F9D2-0AC0-490B-92DE-F105B6F79AF1}" srcOrd="1" destOrd="0" parTransId="{B2178330-2AB7-46E3-BC08-0DDA3CC399EA}" sibTransId="{46370F81-7B20-47ED-B4B4-4C326B824EB7}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5DE6F839-7718-4A05-BC41-2EAD9B8D4D41}" type="presOf" srcId="{1B7DF57D-3B1A-45D4-94C5-72C97B0B3401}" destId="{F8F8236C-006A-48D3-AB45-4402F3104E79}" srcOrd="0" destOrd="0" presId="urn:microsoft.com/office/officeart/2005/8/layout/lProcess3"/>
    <dgm:cxn modelId="{7CA3B204-3981-4E89-8F4C-17504DAC6278}" srcId="{A06C102A-2B4B-4374-8A0F-24D0835C983C}" destId="{6A28E40E-4D67-4675-9B79-131F7E70E150}" srcOrd="0" destOrd="0" parTransId="{C1FDD848-D826-46ED-943B-A479E988B006}" sibTransId="{3BA8C7AC-1D55-4DB3-AA1D-5E83692DFCB3}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  <dgm:cxn modelId="{8054886E-0E81-4832-9F7C-9BF45E393B97}" type="presParOf" srcId="{1072BCE2-7C47-43E3-92DE-474F2ACDAB20}" destId="{5034AD49-F716-4FE8-8917-2D3E429752BA}" srcOrd="1" destOrd="0" presId="urn:microsoft.com/office/officeart/2005/8/layout/lProcess3"/>
    <dgm:cxn modelId="{98A181E4-CEBF-428B-9BB4-32EBAE91CD85}" type="presParOf" srcId="{1072BCE2-7C47-43E3-92DE-474F2ACDAB20}" destId="{D5374D69-3FE1-4F0B-B23B-EB01471F33CF}" srcOrd="2" destOrd="0" presId="urn:microsoft.com/office/officeart/2005/8/layout/lProcess3"/>
    <dgm:cxn modelId="{FC92B5A1-1574-4A27-9F71-850443EB8FC8}" type="presParOf" srcId="{D5374D69-3FE1-4F0B-B23B-EB01471F33CF}" destId="{F8F8236C-006A-48D3-AB45-4402F3104E79}" srcOrd="0" destOrd="0" presId="urn:microsoft.com/office/officeart/2005/8/layout/lProcess3"/>
    <dgm:cxn modelId="{3CACBA8A-F818-45F4-849C-4FB9E876370A}" type="presParOf" srcId="{D5374D69-3FE1-4F0B-B23B-EB01471F33CF}" destId="{ECDD410D-4649-4344-B08B-2011A7F713F8}" srcOrd="1" destOrd="0" presId="urn:microsoft.com/office/officeart/2005/8/layout/lProcess3"/>
    <dgm:cxn modelId="{62A49001-336E-41D4-BD4B-CBBAC9A972D3}" type="presParOf" srcId="{D5374D69-3FE1-4F0B-B23B-EB01471F33CF}" destId="{A925A3E2-7B6F-43F7-A07D-07CDD4059D8C}" srcOrd="2" destOrd="0" presId="urn:microsoft.com/office/officeart/2005/8/layout/lProcess3"/>
    <dgm:cxn modelId="{CB982F31-70B9-4B61-AC8F-1D511805953C}" type="presParOf" srcId="{D5374D69-3FE1-4F0B-B23B-EB01471F33CF}" destId="{2DB0E6CE-35BD-4D77-8B57-902CC15B1E4B}" srcOrd="3" destOrd="0" presId="urn:microsoft.com/office/officeart/2005/8/layout/lProcess3"/>
    <dgm:cxn modelId="{172CC255-FF02-453B-9692-A10A0B96F792}" type="presParOf" srcId="{D5374D69-3FE1-4F0B-B23B-EB01471F33CF}" destId="{04DFDAF7-1632-4537-8B63-486484B8EEAF}" srcOrd="4" destOrd="0" presId="urn:microsoft.com/office/officeart/2005/8/layout/lProcess3"/>
    <dgm:cxn modelId="{B2521849-39D1-4B35-AC18-AA0199C0BE40}" type="presParOf" srcId="{1072BCE2-7C47-43E3-92DE-474F2ACDAB20}" destId="{D2CCCC45-1A95-49F3-A72C-21074B8E1ED9}" srcOrd="3" destOrd="0" presId="urn:microsoft.com/office/officeart/2005/8/layout/lProcess3"/>
    <dgm:cxn modelId="{3C0C6D3F-289F-49BA-96B4-27F7F4080A3B}" type="presParOf" srcId="{1072BCE2-7C47-43E3-92DE-474F2ACDAB20}" destId="{FE302490-2301-464F-8998-5BB3E53254C8}" srcOrd="4" destOrd="0" presId="urn:microsoft.com/office/officeart/2005/8/layout/lProcess3"/>
    <dgm:cxn modelId="{460853AE-C86D-480A-87C6-F07CF2A26584}" type="presParOf" srcId="{FE302490-2301-464F-8998-5BB3E53254C8}" destId="{6FE0960C-2B7C-434A-BA2A-A87C5C61618D}" srcOrd="0" destOrd="0" presId="urn:microsoft.com/office/officeart/2005/8/layout/lProcess3"/>
    <dgm:cxn modelId="{B9EBE841-3BC3-4B3D-B24B-571E0CAD1329}" type="presParOf" srcId="{FE302490-2301-464F-8998-5BB3E53254C8}" destId="{B18516A6-B93D-461E-9F0E-0B5388B06AA8}" srcOrd="1" destOrd="0" presId="urn:microsoft.com/office/officeart/2005/8/layout/lProcess3"/>
    <dgm:cxn modelId="{9185D92F-BE30-4029-B744-6A95A62EF2F1}" type="presParOf" srcId="{FE302490-2301-464F-8998-5BB3E53254C8}" destId="{F8D80DD8-9557-4380-9A18-A652B7215C30}" srcOrd="2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6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0" y="28614"/>
          <a:ext cx="5729004" cy="1251584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חקי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הנחיות למדריכים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חומרי רקע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</dsp:txBody>
      <dsp:txXfrm>
        <a:off x="625792" y="28614"/>
        <a:ext cx="4477420" cy="1251584"/>
      </dsp:txXfrm>
    </dsp:sp>
    <dsp:sp modelId="{FBCDF05E-3288-4AE5-9E25-03B36AF69926}">
      <dsp:nvSpPr>
        <dsp:cNvPr id="0" name=""/>
        <dsp:cNvSpPr/>
      </dsp:nvSpPr>
      <dsp:spPr>
        <a:xfrm>
          <a:off x="5229786" y="35609"/>
          <a:ext cx="3008695" cy="127441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תכנון מערכ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קבלת תרחיש בסיסי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דרכה על "</a:t>
          </a:r>
          <a:r>
            <a:rPr lang="he-IL" sz="1400" b="0" u="none" kern="1200" dirty="0" err="1" smtClean="0"/>
            <a:t>קברנט</a:t>
          </a:r>
          <a:r>
            <a:rPr lang="he-IL" sz="1400" b="0" u="none" kern="1200" dirty="0" smtClean="0"/>
            <a:t>"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866995" y="35609"/>
        <a:ext cx="1734277" cy="1274418"/>
      </dsp:txXfrm>
    </dsp:sp>
    <dsp:sp modelId="{DDB74CAC-6E26-45A0-9656-F23CDD57BC79}">
      <dsp:nvSpPr>
        <dsp:cNvPr id="0" name=""/>
        <dsp:cNvSpPr/>
      </dsp:nvSpPr>
      <dsp:spPr>
        <a:xfrm>
          <a:off x="7721904" y="36233"/>
          <a:ext cx="2554784" cy="1298851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עדכון תרחיש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זרמות</a:t>
          </a:r>
          <a:endParaRPr lang="en-US" sz="1400" b="0" u="none" kern="1200" dirty="0"/>
        </a:p>
      </dsp:txBody>
      <dsp:txXfrm>
        <a:off x="8371330" y="36233"/>
        <a:ext cx="1255933" cy="1298851"/>
      </dsp:txXfrm>
    </dsp:sp>
    <dsp:sp modelId="{F8F8236C-006A-48D3-AB45-4402F3104E79}">
      <dsp:nvSpPr>
        <dsp:cNvPr id="0" name=""/>
        <dsp:cNvSpPr/>
      </dsp:nvSpPr>
      <dsp:spPr>
        <a:xfrm>
          <a:off x="0" y="1501044"/>
          <a:ext cx="5699842" cy="1251584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8890" rIns="0" bIns="8890" numCol="1" spcCol="1270" anchor="t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ביצוע תהליך חקירה מלא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הגשת תוצרים כתובים והצגתם –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- </a:t>
          </a:r>
          <a:r>
            <a:rPr lang="he-IL" sz="1400" b="1" kern="1200" dirty="0" smtClean="0"/>
            <a:t>תפיסה גלובלית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- </a:t>
          </a:r>
          <a:r>
            <a:rPr lang="he-IL" sz="1400" b="1" kern="1200" dirty="0" smtClean="0"/>
            <a:t>תפיסה </a:t>
          </a:r>
          <a:r>
            <a:rPr lang="he-IL" sz="1400" b="1" kern="1200" dirty="0" err="1" smtClean="0"/>
            <a:t>זירתית</a:t>
          </a:r>
          <a:r>
            <a:rPr lang="he-IL" sz="1400" b="1" kern="1200" dirty="0" smtClean="0"/>
            <a:t> ואסטרטגיה למימוש </a:t>
          </a:r>
          <a:endParaRPr lang="en-US" sz="1400" b="1" kern="1200" dirty="0"/>
        </a:p>
      </dsp:txBody>
      <dsp:txXfrm>
        <a:off x="625792" y="1501044"/>
        <a:ext cx="4448258" cy="1251584"/>
      </dsp:txXfrm>
    </dsp:sp>
    <dsp:sp modelId="{A925A3E2-7B6F-43F7-A07D-07CDD4059D8C}">
      <dsp:nvSpPr>
        <dsp:cNvPr id="0" name=""/>
        <dsp:cNvSpPr/>
      </dsp:nvSpPr>
      <dsp:spPr>
        <a:xfrm>
          <a:off x="5210207" y="1509574"/>
          <a:ext cx="2822981" cy="1255782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" tIns="8890" rIns="0" bIns="8890" numCol="1" spcCol="1270" anchor="t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1" kern="1200" dirty="0" err="1" smtClean="0"/>
            <a:t>תוכנית</a:t>
          </a:r>
          <a:r>
            <a:rPr lang="he-IL" sz="1400" b="1" kern="1200" dirty="0" smtClean="0"/>
            <a:t> מערכה רב-</a:t>
          </a:r>
          <a:r>
            <a:rPr lang="he-IL" sz="1400" b="1" kern="1200" dirty="0" err="1" smtClean="0"/>
            <a:t>מימדית</a:t>
          </a:r>
          <a:endParaRPr lang="he-IL" sz="1400" b="1" kern="1200" dirty="0" smtClean="0"/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kern="1200" dirty="0" smtClean="0"/>
            <a:t>מדינית-צבאית בהתאם לאסטרטגיה ולתרחיש</a:t>
          </a:r>
          <a:endParaRPr lang="en-US" sz="1400" kern="1200" dirty="0"/>
        </a:p>
      </dsp:txBody>
      <dsp:txXfrm>
        <a:off x="5838098" y="1509574"/>
        <a:ext cx="1567199" cy="1255782"/>
      </dsp:txXfrm>
    </dsp:sp>
    <dsp:sp modelId="{04DFDAF7-1632-4537-8B63-486484B8EEAF}">
      <dsp:nvSpPr>
        <dsp:cNvPr id="0" name=""/>
        <dsp:cNvSpPr/>
      </dsp:nvSpPr>
      <dsp:spPr>
        <a:xfrm>
          <a:off x="7557748" y="1521640"/>
          <a:ext cx="2728864" cy="1297366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" tIns="8890" rIns="0" bIns="8890" numCol="1" spcCol="1270" anchor="t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1" kern="1200" dirty="0" smtClean="0"/>
            <a:t>מימוש </a:t>
          </a:r>
          <a:r>
            <a:rPr lang="he-IL" sz="1400" kern="1200" dirty="0" smtClean="0"/>
            <a:t>התוכנית המערכתית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kern="1200" dirty="0" smtClean="0"/>
            <a:t>Reframing </a:t>
          </a:r>
        </a:p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1" kern="1200" dirty="0" smtClean="0"/>
            <a:t>מימוש</a:t>
          </a:r>
          <a:r>
            <a:rPr lang="he-IL" sz="1400" kern="1200" dirty="0" smtClean="0"/>
            <a:t> </a:t>
          </a:r>
          <a:r>
            <a:rPr lang="he-IL" sz="1400" kern="1200" dirty="0" err="1" smtClean="0"/>
            <a:t>תוכנית</a:t>
          </a:r>
          <a:r>
            <a:rPr lang="he-IL" sz="1400" kern="1200" dirty="0" smtClean="0"/>
            <a:t> מעודכנת</a:t>
          </a:r>
          <a:endParaRPr lang="en-US" sz="1400" kern="1200" dirty="0"/>
        </a:p>
      </dsp:txBody>
      <dsp:txXfrm>
        <a:off x="8206431" y="1521640"/>
        <a:ext cx="1431498" cy="1297366"/>
      </dsp:txXfrm>
    </dsp:sp>
    <dsp:sp modelId="{6FE0960C-2B7C-434A-BA2A-A87C5C61618D}">
      <dsp:nvSpPr>
        <dsp:cNvPr id="0" name=""/>
        <dsp:cNvSpPr/>
      </dsp:nvSpPr>
      <dsp:spPr>
        <a:xfrm>
          <a:off x="671019" y="2814431"/>
          <a:ext cx="3128962" cy="50993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ביקור במשרד החוץ</a:t>
          </a:r>
          <a:endParaRPr lang="en-US" sz="2000" kern="1200" dirty="0"/>
        </a:p>
      </dsp:txBody>
      <dsp:txXfrm>
        <a:off x="925986" y="2814431"/>
        <a:ext cx="2619029" cy="509933"/>
      </dsp:txXfrm>
    </dsp:sp>
    <dsp:sp modelId="{F8D80DD8-9557-4380-9A18-A652B7215C30}">
      <dsp:nvSpPr>
        <dsp:cNvPr id="0" name=""/>
        <dsp:cNvSpPr/>
      </dsp:nvSpPr>
      <dsp:spPr>
        <a:xfrm>
          <a:off x="5663751" y="2834801"/>
          <a:ext cx="2597038" cy="455769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סדנת </a:t>
          </a:r>
          <a:r>
            <a:rPr lang="he-IL" sz="2000" kern="1200" dirty="0" err="1" smtClean="0"/>
            <a:t>מו"ם</a:t>
          </a:r>
          <a:r>
            <a:rPr lang="he-IL" sz="2000" kern="1200" dirty="0" smtClean="0"/>
            <a:t> 1-3/3</a:t>
          </a:r>
          <a:endParaRPr lang="en-US" sz="2000" kern="1200" dirty="0"/>
        </a:p>
      </dsp:txBody>
      <dsp:txXfrm>
        <a:off x="5891636" y="2834801"/>
        <a:ext cx="2141269" cy="45576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50462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56643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2029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50893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56431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30725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22275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921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53161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10524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90613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681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15386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38561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6530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55858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53986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600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373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978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8944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0075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883761-83CA-4A05-A07F-B7DDF00F42C3}" type="datetimeFigureOut">
              <a:rPr lang="en-US" smtClean="0"/>
              <a:t>12/1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703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microsoft.com/office/2007/relationships/diagramDrawing" Target="../diagrams/drawing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diagramData" Target="../diagrams/data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18.xml"/><Relationship Id="rId61" Type="http://schemas.openxmlformats.org/officeDocument/2006/relationships/diagramColors" Target="../diagrams/colors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diagramQuickStyle" Target="../diagrams/quickStyle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diagramLayout" Target="../diagrams/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he-IL" dirty="0" smtClean="0"/>
              <a:t>סימולציה 2015-2016</a:t>
            </a:r>
            <a:endParaRPr lang="en-US" dirty="0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he-IL" dirty="0" smtClean="0"/>
              <a:t>מפגש מפקד </a:t>
            </a:r>
            <a:r>
              <a:rPr lang="he-IL" dirty="0" err="1" smtClean="0"/>
              <a:t>מב"ל</a:t>
            </a:r>
            <a:r>
              <a:rPr lang="he-IL" dirty="0" smtClean="0"/>
              <a:t> עם ראשי הצוותי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4901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1507257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1271831" y="2428960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548671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9384560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9302505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974284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/>
          <p:nvPr>
            <p:custDataLst>
              <p:tags r:id="rId8"/>
            </p:custDataLst>
          </p:nvPr>
        </p:nvCxnSpPr>
        <p:spPr>
          <a:xfrm flipH="1">
            <a:off x="8481952" y="532289"/>
            <a:ext cx="25400" cy="2515711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6184406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3312473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932871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val="206264266"/>
              </p:ext>
            </p:extLst>
          </p:nvPr>
        </p:nvGraphicFramePr>
        <p:xfrm>
          <a:off x="671017" y="3533633"/>
          <a:ext cx="11779623" cy="34603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8" r:lo="rId59" r:qs="rId60" r:cs="rId61"/>
          </a:graphicData>
        </a:graphic>
      </p:graphicFrame>
      <p:sp>
        <p:nvSpPr>
          <p:cNvPr id="414" name="TextBox 413"/>
          <p:cNvSpPr txBox="1"/>
          <p:nvPr/>
        </p:nvSpPr>
        <p:spPr>
          <a:xfrm>
            <a:off x="66092" y="3987573"/>
            <a:ext cx="1258678" cy="369332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r>
              <a:rPr lang="he-IL" b="1" dirty="0" smtClean="0"/>
              <a:t>ציר </a:t>
            </a:r>
            <a:r>
              <a:rPr lang="he-IL" b="1" dirty="0" err="1" smtClean="0"/>
              <a:t>מינהלת</a:t>
            </a:r>
            <a:endParaRPr lang="en-US" b="1" dirty="0"/>
          </a:p>
        </p:txBody>
      </p:sp>
      <p:sp>
        <p:nvSpPr>
          <p:cNvPr id="415" name="TextBox 414"/>
          <p:cNvSpPr txBox="1"/>
          <p:nvPr/>
        </p:nvSpPr>
        <p:spPr>
          <a:xfrm>
            <a:off x="101067" y="5344748"/>
            <a:ext cx="1162498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he-IL" b="1" dirty="0" smtClean="0"/>
              <a:t>ציר חניכים</a:t>
            </a:r>
          </a:p>
          <a:p>
            <a:pPr algn="ctr"/>
            <a:r>
              <a:rPr lang="he-IL" b="1" dirty="0" smtClean="0"/>
              <a:t>ותוצרים</a:t>
            </a:r>
            <a:endParaRPr lang="en-US" b="1" dirty="0"/>
          </a:p>
        </p:txBody>
      </p:sp>
      <p:sp>
        <p:nvSpPr>
          <p:cNvPr id="416" name="TextBox 415"/>
          <p:cNvSpPr txBox="1"/>
          <p:nvPr/>
        </p:nvSpPr>
        <p:spPr>
          <a:xfrm>
            <a:off x="66092" y="6400946"/>
            <a:ext cx="1342034" cy="369332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r>
              <a:rPr lang="he-IL" b="1" dirty="0" smtClean="0"/>
              <a:t>ציר ממשקים</a:t>
            </a:r>
            <a:endParaRPr lang="en-US" b="1" dirty="0"/>
          </a:p>
        </p:txBody>
      </p:sp>
      <p:sp>
        <p:nvSpPr>
          <p:cNvPr id="417" name="TextBox 416"/>
          <p:cNvSpPr txBox="1"/>
          <p:nvPr/>
        </p:nvSpPr>
        <p:spPr>
          <a:xfrm>
            <a:off x="6968834" y="1376836"/>
            <a:ext cx="133081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sz="1600" dirty="0" smtClean="0"/>
              <a:t>תחילת עבודה </a:t>
            </a:r>
          </a:p>
          <a:p>
            <a:pPr algn="ctr"/>
            <a:r>
              <a:rPr lang="he-IL" sz="1600" dirty="0" err="1" smtClean="0"/>
              <a:t>ב"קברנט</a:t>
            </a:r>
            <a:r>
              <a:rPr lang="he-IL" sz="1600" dirty="0" smtClean="0"/>
              <a:t>"</a:t>
            </a:r>
            <a:endParaRPr lang="en-US" sz="1600" dirty="0"/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7633299" y="1961611"/>
            <a:ext cx="942" cy="108638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TB_00000000000000000000000000000000_RightEndCaps"/>
          <p:cNvSpPr txBox="1"/>
          <p:nvPr>
            <p:custDataLst>
              <p:tags r:id="rId14"/>
            </p:custDataLst>
          </p:nvPr>
        </p:nvSpPr>
        <p:spPr>
          <a:xfrm>
            <a:off x="114745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3048000"/>
            <a:ext cx="10515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220849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53373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84661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6159500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747238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878526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10098152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7"/>
            </p:custDataLst>
          </p:nvPr>
        </p:nvSpPr>
        <p:spPr>
          <a:xfrm>
            <a:off x="1018306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ילת סימולציה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8"/>
            </p:custDataLst>
          </p:nvPr>
        </p:nvSpPr>
        <p:spPr>
          <a:xfrm>
            <a:off x="1016904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2/16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9"/>
            </p:custDataLst>
          </p:nvPr>
        </p:nvSpPr>
        <p:spPr>
          <a:xfrm rot="16200000">
            <a:off x="965115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30"/>
            </p:custDataLst>
          </p:nvPr>
        </p:nvSpPr>
        <p:spPr>
          <a:xfrm>
            <a:off x="3406576" y="1335244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תפיסה גלובלית - מערכת המערכות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1"/>
            </p:custDataLst>
          </p:nvPr>
        </p:nvSpPr>
        <p:spPr>
          <a:xfrm>
            <a:off x="3406576" y="2458450"/>
            <a:ext cx="9900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/1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2"/>
            </p:custDataLst>
          </p:nvPr>
        </p:nvSpPr>
        <p:spPr>
          <a:xfrm rot="16200000">
            <a:off x="3292974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3"/>
            </p:custDataLst>
          </p:nvPr>
        </p:nvSpPr>
        <p:spPr>
          <a:xfrm>
            <a:off x="6085980" y="1453438"/>
            <a:ext cx="843757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תפיסה ואסטרטגיה </a:t>
            </a:r>
            <a:r>
              <a:rPr lang="he-IL" sz="14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זירתית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4"/>
            </p:custDataLst>
          </p:nvPr>
        </p:nvSpPr>
        <p:spPr>
          <a:xfrm>
            <a:off x="6238319" y="2415314"/>
            <a:ext cx="8076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5/2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5"/>
            </p:custDataLst>
          </p:nvPr>
        </p:nvSpPr>
        <p:spPr>
          <a:xfrm rot="16200000">
            <a:off x="6196117" y="22550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6"/>
            </p:custDataLst>
          </p:nvPr>
        </p:nvSpPr>
        <p:spPr>
          <a:xfrm>
            <a:off x="8048065" y="-61891"/>
            <a:ext cx="1902759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מערכה מדינית-צבאית למול התרחיש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7"/>
            </p:custDataLst>
          </p:nvPr>
        </p:nvSpPr>
        <p:spPr>
          <a:xfrm>
            <a:off x="8662233" y="419912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8"/>
            </p:custDataLst>
          </p:nvPr>
        </p:nvSpPr>
        <p:spPr>
          <a:xfrm rot="16200000">
            <a:off x="8521684" y="42162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9"/>
            </p:custDataLst>
          </p:nvPr>
        </p:nvSpPr>
        <p:spPr>
          <a:xfrm>
            <a:off x="9228284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יום אחד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40"/>
            </p:custDataLst>
          </p:nvPr>
        </p:nvSpPr>
        <p:spPr>
          <a:xfrm>
            <a:off x="9260033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1"/>
            </p:custDataLst>
          </p:nvPr>
        </p:nvSpPr>
        <p:spPr>
          <a:xfrm rot="16200000">
            <a:off x="8999684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2"/>
            </p:custDataLst>
          </p:nvPr>
        </p:nvSpPr>
        <p:spPr>
          <a:xfrm>
            <a:off x="9524755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"Reframing"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שבוע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3"/>
            </p:custDataLst>
          </p:nvPr>
        </p:nvSpPr>
        <p:spPr>
          <a:xfrm>
            <a:off x="9532102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-2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4"/>
            </p:custDataLst>
          </p:nvPr>
        </p:nvSpPr>
        <p:spPr>
          <a:xfrm rot="16200000">
            <a:off x="9327905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5"/>
            </p:custDataLst>
          </p:nvPr>
        </p:nvSpPr>
        <p:spPr>
          <a:xfrm>
            <a:off x="9507248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יומיים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6"/>
            </p:custDataLst>
          </p:nvPr>
        </p:nvSpPr>
        <p:spPr>
          <a:xfrm>
            <a:off x="9670310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-28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7"/>
            </p:custDataLst>
          </p:nvPr>
        </p:nvSpPr>
        <p:spPr>
          <a:xfrm rot="16200000">
            <a:off x="9409960" y="1846707"/>
            <a:ext cx="228600" cy="2286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8"/>
            </p:custDataLst>
          </p:nvPr>
        </p:nvSpPr>
        <p:spPr>
          <a:xfrm>
            <a:off x="9764570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קיר וסיכום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9"/>
            </p:custDataLst>
          </p:nvPr>
        </p:nvSpPr>
        <p:spPr>
          <a:xfrm>
            <a:off x="9770921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50"/>
            </p:custDataLst>
          </p:nvPr>
        </p:nvSpPr>
        <p:spPr>
          <a:xfrm rot="16200000">
            <a:off x="9574071" y="25142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1"/>
            </p:custDataLst>
          </p:nvPr>
        </p:nvSpPr>
        <p:spPr>
          <a:xfrm>
            <a:off x="11462330" y="2082504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פקת תוצר מסכם 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2"/>
            </p:custDataLst>
          </p:nvPr>
        </p:nvSpPr>
        <p:spPr>
          <a:xfrm>
            <a:off x="11360066" y="2646865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4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3"/>
            </p:custDataLst>
          </p:nvPr>
        </p:nvSpPr>
        <p:spPr>
          <a:xfrm rot="16200000">
            <a:off x="11297231" y="2428960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4"/>
            </p:custDataLst>
          </p:nvPr>
        </p:nvSpPr>
        <p:spPr>
          <a:xfrm>
            <a:off x="1519173" y="2267724"/>
            <a:ext cx="13843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בניית תהליך הלמידה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5"/>
            </p:custDataLst>
          </p:nvPr>
        </p:nvSpPr>
        <p:spPr>
          <a:xfrm>
            <a:off x="1729506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3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6"/>
            </p:custDataLst>
          </p:nvPr>
        </p:nvSpPr>
        <p:spPr>
          <a:xfrm rot="16200000">
            <a:off x="1532657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סוגר זוויתי 445"/>
          <p:cNvSpPr/>
          <p:nvPr/>
        </p:nvSpPr>
        <p:spPr>
          <a:xfrm>
            <a:off x="10395301" y="3572706"/>
            <a:ext cx="2170976" cy="1298851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he-IL" sz="1600" b="1" u="sng" dirty="0"/>
              <a:t>שלב </a:t>
            </a:r>
            <a:r>
              <a:rPr lang="he-IL" sz="1600" b="1" u="sng" dirty="0" smtClean="0"/>
              <a:t>התחקיר</a:t>
            </a:r>
          </a:p>
          <a:p>
            <a:pPr algn="ctr"/>
            <a:r>
              <a:rPr lang="he-IL" sz="1400" dirty="0"/>
              <a:t>הנחיות</a:t>
            </a:r>
          </a:p>
          <a:p>
            <a:pPr algn="ctr"/>
            <a:r>
              <a:rPr lang="he-IL" sz="1400" dirty="0"/>
              <a:t>לתחקיר</a:t>
            </a:r>
            <a:endParaRPr lang="en-US" sz="1400" dirty="0"/>
          </a:p>
        </p:txBody>
      </p:sp>
      <p:sp>
        <p:nvSpPr>
          <p:cNvPr id="448" name="סוגר זוויתי 447"/>
          <p:cNvSpPr/>
          <p:nvPr/>
        </p:nvSpPr>
        <p:spPr>
          <a:xfrm>
            <a:off x="10408593" y="5069585"/>
            <a:ext cx="2170976" cy="1298851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he-IL" sz="1400" b="1" dirty="0" smtClean="0"/>
              <a:t>תחקיר</a:t>
            </a:r>
          </a:p>
          <a:p>
            <a:pPr algn="ctr"/>
            <a:r>
              <a:rPr lang="he-IL" sz="1400" dirty="0" smtClean="0"/>
              <a:t>בפורמט</a:t>
            </a:r>
          </a:p>
          <a:p>
            <a:pPr algn="ctr"/>
            <a:r>
              <a:rPr lang="he-IL" sz="1400" b="1" dirty="0" smtClean="0"/>
              <a:t>סיכום קבוצתי ואישי </a:t>
            </a:r>
            <a:endParaRPr lang="en-US" sz="1400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07</TotalTime>
  <Words>144</Words>
  <Application>Microsoft Office PowerPoint</Application>
  <PresentationFormat>מסך רחב</PresentationFormat>
  <Paragraphs>65</Paragraphs>
  <Slides>2</Slides>
  <Notes>0</Notes>
  <HiddenSlides>0</HiddenSlides>
  <MMClips>0</MMClips>
  <ScaleCrop>false</ScaleCrop>
  <HeadingPairs>
    <vt:vector size="6" baseType="variant">
      <vt:variant>
        <vt:lpstr>גופנים בשימוש</vt:lpstr>
      </vt:variant>
      <vt:variant>
        <vt:i4>4</vt:i4>
      </vt:variant>
      <vt:variant>
        <vt:lpstr>ערכת נושא</vt:lpstr>
      </vt:variant>
      <vt:variant>
        <vt:i4>2</vt:i4>
      </vt:variant>
      <vt:variant>
        <vt:lpstr>כותרות שקופיות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Times New Roman</vt:lpstr>
      <vt:lpstr>ערכת נושא Office</vt:lpstr>
      <vt:lpstr>1_ערכת נושא Office</vt:lpstr>
      <vt:lpstr>סימולציה 2015-2016</vt:lpstr>
      <vt:lpstr>מצגת של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ערן עציון</cp:lastModifiedBy>
  <cp:revision>44</cp:revision>
  <dcterms:created xsi:type="dcterms:W3CDTF">2015-12-01T06:13:25Z</dcterms:created>
  <dcterms:modified xsi:type="dcterms:W3CDTF">2015-12-01T14:41:06Z</dcterms:modified>
</cp:coreProperties>
</file>